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9"/>
  </p:sldMasterIdLst>
  <p:notesMasterIdLst>
    <p:notesMasterId r:id="rId15"/>
  </p:notesMasterIdLst>
  <p:sldIdLst>
    <p:sldId id="256" r:id="rId10"/>
    <p:sldId id="259" r:id="rId11"/>
    <p:sldId id="258" r:id="rId12"/>
    <p:sldId id="261" r:id="rId13"/>
    <p:sldId id="260" r:id="rId14"/>
  </p:sldIdLst>
  <p:sldSz cx="12192000" cy="6858000"/>
  <p:notesSz cx="6797675" cy="9926638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3" name="Author" initials="A" lastIdx="0" clrIdx="2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7E66F3-01CF-475D-99D7-BD906D38E0D1}" v="55" dt="2022-01-21T15:07:47.60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007" autoAdjust="0"/>
    <p:restoredTop sz="94660"/>
  </p:normalViewPr>
  <p:slideViewPr>
    <p:cSldViewPr snapToGrid="0">
      <p:cViewPr varScale="1">
        <p:scale>
          <a:sx n="107" d="100"/>
          <a:sy n="107" d="100"/>
        </p:scale>
        <p:origin x="132" y="205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ommentAuthors" Target="commentAuthors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1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14-11-2023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#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14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14-11-2023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14-11-2023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14-11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14-11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14/11/2023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14-11-2023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14/11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11/2023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14/11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14/11/2023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14/11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14-11-2023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Relationship Id="rId4" Type="http://schemas.openxmlformats.org/officeDocument/2006/relationships/image" Target="../media/image4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10.pn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rot="16200000">
            <a:off x="3540244" y="-2486236"/>
            <a:ext cx="4568588" cy="121003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91875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11/2023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10" name="Picture 9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3883632" cy="6858000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68407" y="-174900"/>
            <a:ext cx="3718739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017865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D41CDA-64C4-89AB-785A-C5E30C4724DA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14/11/2023</a:t>
            </a:fld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84373-03A5-584D-6ABF-6C708DB7F28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39200" y="3695823"/>
            <a:ext cx="3352800" cy="302895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839200" y="2503243"/>
            <a:ext cx="3390900" cy="3743325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133725" y="2500792"/>
            <a:ext cx="3733800" cy="3648075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0" y="0"/>
            <a:ext cx="3133725" cy="372427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987758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14-11-2023</a:t>
            </a:fld>
            <a:endParaRPr lang="nl-NL" noProof="0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4</a:t>
            </a:fld>
            <a:endParaRPr lang="nl-NL" noProof="0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16200000">
            <a:off x="4031364" y="-1713696"/>
            <a:ext cx="4200525" cy="96678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924501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14-11-2023</a:t>
            </a:fld>
            <a:endParaRPr lang="nl-NL" noProof="0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5</a:t>
            </a:fld>
            <a:endParaRPr lang="nl-NL" noProof="0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5579293" cy="6762998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93366" y="1442300"/>
            <a:ext cx="5033560" cy="40322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07826720"/>
      </p:ext>
    </p:extLst>
  </p:cSld>
  <p:clrMapOvr>
    <a:masterClrMapping/>
  </p:clrMapOvr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],"slideId":"638120497833234773","enableDocumentContentUpdater":false,"version":"2.0"}]]></TemplafySlide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120497833247032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89874F8B-1F31-46CD-B67E-9166E658CE75}">
  <ds:schemaRefs/>
</ds:datastoreItem>
</file>

<file path=customXml/itemProps2.xml><?xml version="1.0" encoding="utf-8"?>
<ds:datastoreItem xmlns:ds="http://schemas.openxmlformats.org/officeDocument/2006/customXml" ds:itemID="{2199C647-B858-47F4-AD49-330F0EFA1381}">
  <ds:schemaRefs/>
</ds:datastoreItem>
</file>

<file path=customXml/itemProps3.xml><?xml version="1.0" encoding="utf-8"?>
<ds:datastoreItem xmlns:ds="http://schemas.openxmlformats.org/officeDocument/2006/customXml" ds:itemID="{3A6AFD18-F5BE-480E-BC9A-B400BFFC72A6}">
  <ds:schemaRefs/>
</ds:datastoreItem>
</file>

<file path=customXml/itemProps4.xml><?xml version="1.0" encoding="utf-8"?>
<ds:datastoreItem xmlns:ds="http://schemas.openxmlformats.org/officeDocument/2006/customXml" ds:itemID="{B5848203-8079-48D0-B797-5411685A96A0}">
  <ds:schemaRefs/>
</ds:datastoreItem>
</file>

<file path=customXml/itemProps5.xml><?xml version="1.0" encoding="utf-8"?>
<ds:datastoreItem xmlns:ds="http://schemas.openxmlformats.org/officeDocument/2006/customXml" ds:itemID="{20F1C34E-8EC8-4461-A021-6F7F31A05BA4}">
  <ds:schemaRefs/>
</ds:datastoreItem>
</file>

<file path=customXml/itemProps6.xml><?xml version="1.0" encoding="utf-8"?>
<ds:datastoreItem xmlns:ds="http://schemas.openxmlformats.org/officeDocument/2006/customXml" ds:itemID="{BFDADA36-9D63-44FC-B44D-7E566AA673ED}">
  <ds:schemaRefs/>
</ds:datastoreItem>
</file>

<file path=customXml/itemProps7.xml><?xml version="1.0" encoding="utf-8"?>
<ds:datastoreItem xmlns:ds="http://schemas.openxmlformats.org/officeDocument/2006/customXml" ds:itemID="{FE73C345-2F10-4007-83C9-555850364CE5}">
  <ds:schemaRefs/>
</ds:datastoreItem>
</file>

<file path=customXml/itemProps8.xml><?xml version="1.0" encoding="utf-8"?>
<ds:datastoreItem xmlns:ds="http://schemas.openxmlformats.org/officeDocument/2006/customXml" ds:itemID="{2A40761F-85AA-4702-A927-F8420881183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8</Words>
  <Application>Microsoft Office PowerPoint</Application>
  <PresentationFormat>Widescreen</PresentationFormat>
  <Paragraphs>8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Arial Black</vt:lpstr>
      <vt:lpstr>Calibri</vt:lpstr>
      <vt:lpstr>Erasmus MC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11-02T08:34:02Z</dcterms:created>
  <dcterms:modified xsi:type="dcterms:W3CDTF">2023-11-14T16:33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7738028422688300</vt:lpwstr>
  </property>
  <property fmtid="{D5CDD505-2E9C-101B-9397-08002B2CF9AE}" pid="6" name="TemplafyFromBlank">
    <vt:bool>true</vt:bool>
  </property>
</Properties>
</file>